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8676\Desktop\"/>
    </mc:Choice>
  </mc:AlternateContent>
  <xr:revisionPtr revIDLastSave="0" documentId="8_{B448A6C7-05F7-4614-B245-B045D371BC98}" xr6:coauthVersionLast="36" xr6:coauthVersionMax="36" xr10:uidLastSave="{00000000-0000-0000-0000-000000000000}"/>
  <bookViews>
    <workbookView xWindow="0" yWindow="0" windowWidth="19110" windowHeight="11355" activeTab="1" xr2:uid="{15E7DA2E-303D-402F-8434-1D9AF0E8E3AD}"/>
  </bookViews>
  <sheets>
    <sheet name="Ac benzoico" sheetId="1" r:id="rId1"/>
    <sheet name="Anidride Ftalica" sheetId="4" r:id="rId2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31" i="4" l="1"/>
  <c r="F13" i="4" a="1"/>
  <c r="F15" i="4" s="1"/>
  <c r="F4" i="4" a="1"/>
  <c r="G5" i="4" s="1"/>
  <c r="F26" i="4"/>
  <c r="D19" i="4"/>
  <c r="D18" i="4"/>
  <c r="D17" i="4"/>
  <c r="D16" i="4"/>
  <c r="D15" i="4"/>
  <c r="D14" i="4"/>
  <c r="D13" i="4"/>
  <c r="D12" i="4"/>
  <c r="D11" i="4"/>
  <c r="D10" i="4"/>
  <c r="D9" i="4"/>
  <c r="D8" i="4"/>
  <c r="D7" i="4"/>
  <c r="D6" i="4"/>
  <c r="D5" i="4"/>
  <c r="D2" i="4"/>
  <c r="G30" i="1"/>
  <c r="D2" i="1"/>
  <c r="G28" i="1"/>
  <c r="G25" i="1"/>
  <c r="G19" i="1"/>
  <c r="G18" i="1"/>
  <c r="F13" i="1" a="1"/>
  <c r="G14" i="1" s="1"/>
  <c r="G8" i="1"/>
  <c r="F4" i="1" a="1"/>
  <c r="F6" i="1" s="1"/>
  <c r="D20" i="1"/>
  <c r="D5" i="1"/>
  <c r="G13" i="4" l="1"/>
  <c r="G14" i="4"/>
  <c r="F14" i="4"/>
  <c r="F13" i="4"/>
  <c r="G15" i="4"/>
  <c r="F5" i="4"/>
  <c r="H4" i="4"/>
  <c r="F4" i="4"/>
  <c r="H6" i="4"/>
  <c r="H5" i="4"/>
  <c r="G4" i="4"/>
  <c r="G6" i="4"/>
  <c r="F6" i="4"/>
  <c r="F13" i="1"/>
  <c r="F15" i="1"/>
  <c r="F14" i="1"/>
  <c r="G13" i="1"/>
  <c r="G15" i="1"/>
  <c r="H5" i="1"/>
  <c r="G5" i="1"/>
  <c r="F5" i="1"/>
  <c r="H4" i="1"/>
  <c r="G4" i="1"/>
  <c r="F4" i="1"/>
  <c r="H6" i="1"/>
  <c r="G6" i="1"/>
  <c r="D6" i="1"/>
  <c r="D7" i="1"/>
  <c r="D8" i="1"/>
  <c r="D9" i="1"/>
  <c r="D10" i="1"/>
  <c r="D11" i="1"/>
  <c r="D12" i="1"/>
  <c r="D13" i="1"/>
  <c r="D14" i="1"/>
  <c r="D15" i="1"/>
  <c r="D16" i="1"/>
  <c r="D17" i="1"/>
  <c r="D18" i="1"/>
  <c r="D19" i="1"/>
  <c r="F26" i="1"/>
  <c r="G26" i="1" s="1"/>
  <c r="G18" i="4" l="1"/>
  <c r="G19" i="4"/>
  <c r="G9" i="4"/>
  <c r="G8" i="4"/>
  <c r="G25" i="4"/>
  <c r="G26" i="4"/>
  <c r="G9" i="1"/>
  <c r="G28" i="4" l="1"/>
  <c r="G30" i="4" s="1"/>
  <c r="G33" i="4" s="1"/>
  <c r="G35" i="4" s="1"/>
  <c r="G37" i="4" s="1"/>
</calcChain>
</file>

<file path=xl/sharedStrings.xml><?xml version="1.0" encoding="utf-8"?>
<sst xmlns="http://schemas.openxmlformats.org/spreadsheetml/2006/main" count="79" uniqueCount="34">
  <si>
    <t>Massa ac benzoico</t>
  </si>
  <si>
    <t>heat of combustion</t>
  </si>
  <si>
    <t>3227 kJ/mole</t>
  </si>
  <si>
    <t>Pubchem</t>
  </si>
  <si>
    <t>MW</t>
  </si>
  <si>
    <t>mol</t>
  </si>
  <si>
    <t>c</t>
  </si>
  <si>
    <t>incr T</t>
  </si>
  <si>
    <t>T/°C</t>
  </si>
  <si>
    <t>iniziale</t>
  </si>
  <si>
    <t>equalize</t>
  </si>
  <si>
    <t>x pre</t>
  </si>
  <si>
    <t>y pre</t>
  </si>
  <si>
    <t>pre test</t>
  </si>
  <si>
    <t>main test</t>
  </si>
  <si>
    <t>finale</t>
  </si>
  <si>
    <t xml:space="preserve">x post </t>
  </si>
  <si>
    <t xml:space="preserve">y post </t>
  </si>
  <si>
    <t>post test</t>
  </si>
  <si>
    <t>verticale</t>
  </si>
  <si>
    <t>pre</t>
  </si>
  <si>
    <t>post</t>
  </si>
  <si>
    <r>
      <rPr>
        <sz val="11"/>
        <color theme="1"/>
        <rFont val="Symbol"/>
        <family val="1"/>
        <charset val="2"/>
      </rPr>
      <t>D</t>
    </r>
    <r>
      <rPr>
        <sz val="11"/>
        <color theme="1"/>
        <rFont val="Calibri"/>
        <family val="2"/>
        <scheme val="minor"/>
      </rPr>
      <t>T</t>
    </r>
  </si>
  <si>
    <t>Cp=</t>
  </si>
  <si>
    <t>J/K</t>
  </si>
  <si>
    <t>Massa an ftalica</t>
  </si>
  <si>
    <t>j/k</t>
  </si>
  <si>
    <t>q=</t>
  </si>
  <si>
    <t>J</t>
  </si>
  <si>
    <t>x punto</t>
  </si>
  <si>
    <t>y punto</t>
  </si>
  <si>
    <t>∆H in Kcal</t>
  </si>
  <si>
    <r>
      <t>∆</t>
    </r>
    <r>
      <rPr>
        <sz val="11"/>
        <color theme="1"/>
        <rFont val="Calibri"/>
        <family val="2"/>
      </rPr>
      <t>H=</t>
    </r>
  </si>
  <si>
    <t>∆H in Kcal/mo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0"/>
  </numFmts>
  <fonts count="4">
    <font>
      <sz val="11"/>
      <color theme="1"/>
      <name val="Calibri"/>
      <family val="2"/>
      <scheme val="minor"/>
    </font>
    <font>
      <sz val="11"/>
      <color theme="1"/>
      <name val="Calibri"/>
      <family val="1"/>
      <charset val="2"/>
      <scheme val="minor"/>
    </font>
    <font>
      <sz val="11"/>
      <color theme="1"/>
      <name val="Symbol"/>
      <family val="1"/>
      <charset val="2"/>
    </font>
    <font>
      <sz val="11"/>
      <color theme="1"/>
      <name val="Calibri"/>
      <family val="2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164" fontId="0" fillId="0" borderId="0" xfId="0" applyNumberFormat="1"/>
    <xf numFmtId="164" fontId="0" fillId="0" borderId="0" xfId="0" applyNumberFormat="1" applyBorder="1"/>
    <xf numFmtId="0" fontId="0" fillId="0" borderId="0" xfId="0" applyBorder="1"/>
    <xf numFmtId="0" fontId="1" fillId="0" borderId="0" xfId="0" applyFont="1"/>
    <xf numFmtId="0" fontId="0" fillId="0" borderId="1" xfId="0" applyBorder="1"/>
    <xf numFmtId="164" fontId="0" fillId="0" borderId="2" xfId="0" applyNumberFormat="1" applyBorder="1"/>
    <xf numFmtId="0" fontId="0" fillId="0" borderId="3" xfId="0" applyBorder="1"/>
    <xf numFmtId="0" fontId="0" fillId="0" borderId="4" xfId="0" applyBorder="1"/>
    <xf numFmtId="164" fontId="0" fillId="0" borderId="5" xfId="0" applyNumberFormat="1" applyBorder="1"/>
    <xf numFmtId="164" fontId="0" fillId="0" borderId="6" xfId="0" applyNumberFormat="1" applyBorder="1"/>
    <xf numFmtId="164" fontId="0" fillId="0" borderId="7" xfId="0" applyNumberFormat="1" applyBorder="1"/>
    <xf numFmtId="164" fontId="0" fillId="0" borderId="8" xfId="0" applyNumberFormat="1" applyBorder="1"/>
    <xf numFmtId="0" fontId="3" fillId="0" borderId="0" xfId="0" applyFont="1"/>
  </cellXfs>
  <cellStyles count="1">
    <cellStyle name="Normale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it-I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Acido Benzoico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it-IT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acido benzoico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c benzoico'!$B$4:$B$20</c:f>
              <c:numCache>
                <c:formatCode>General</c:formatCode>
                <c:ptCount val="17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</c:numCache>
            </c:numRef>
          </c:xVal>
          <c:yVal>
            <c:numRef>
              <c:f>'Ac benzoico'!$D$4:$D$20</c:f>
              <c:numCache>
                <c:formatCode>0.0000</c:formatCode>
                <c:ptCount val="17"/>
                <c:pt idx="0">
                  <c:v>19.6873</c:v>
                </c:pt>
                <c:pt idx="1">
                  <c:v>19.7727</c:v>
                </c:pt>
                <c:pt idx="2">
                  <c:v>19.7895</c:v>
                </c:pt>
                <c:pt idx="3">
                  <c:v>19.7974</c:v>
                </c:pt>
                <c:pt idx="4">
                  <c:v>19.802800000000001</c:v>
                </c:pt>
                <c:pt idx="5">
                  <c:v>19.807600000000001</c:v>
                </c:pt>
                <c:pt idx="6">
                  <c:v>19.811700000000002</c:v>
                </c:pt>
                <c:pt idx="7">
                  <c:v>20.404700000000002</c:v>
                </c:pt>
                <c:pt idx="8">
                  <c:v>21.9025</c:v>
                </c:pt>
                <c:pt idx="9">
                  <c:v>22.294900000000002</c:v>
                </c:pt>
                <c:pt idx="10">
                  <c:v>22.411899999999999</c:v>
                </c:pt>
                <c:pt idx="11">
                  <c:v>22.455100000000002</c:v>
                </c:pt>
                <c:pt idx="12">
                  <c:v>22.470800000000001</c:v>
                </c:pt>
                <c:pt idx="13">
                  <c:v>22.475300000000001</c:v>
                </c:pt>
                <c:pt idx="14">
                  <c:v>22.475200000000001</c:v>
                </c:pt>
                <c:pt idx="15">
                  <c:v>22.472999999999999</c:v>
                </c:pt>
                <c:pt idx="16">
                  <c:v>22.469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09C-4DD2-992C-02AFFC936F7C}"/>
            </c:ext>
          </c:extLst>
        </c:ser>
        <c:ser>
          <c:idx val="1"/>
          <c:order val="1"/>
          <c:tx>
            <c:v>INIZIALE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c benzoico'!$F$8:$F$9</c:f>
              <c:numCache>
                <c:formatCode>General</c:formatCode>
                <c:ptCount val="2"/>
                <c:pt idx="0">
                  <c:v>0</c:v>
                </c:pt>
                <c:pt idx="1">
                  <c:v>10</c:v>
                </c:pt>
              </c:numCache>
            </c:numRef>
          </c:xVal>
          <c:yVal>
            <c:numRef>
              <c:f>'Ac benzoico'!$G$8:$G$9</c:f>
              <c:numCache>
                <c:formatCode>General</c:formatCode>
                <c:ptCount val="2"/>
                <c:pt idx="0">
                  <c:v>19.776616666666666</c:v>
                </c:pt>
                <c:pt idx="1">
                  <c:v>19.84311666666667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09C-4DD2-992C-02AFFC936F7C}"/>
            </c:ext>
          </c:extLst>
        </c:ser>
        <c:ser>
          <c:idx val="2"/>
          <c:order val="2"/>
          <c:tx>
            <c:v>FINALE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c benzoico'!$F$18:$F$19</c:f>
              <c:numCache>
                <c:formatCode>General</c:formatCode>
                <c:ptCount val="2"/>
                <c:pt idx="0">
                  <c:v>5</c:v>
                </c:pt>
                <c:pt idx="1">
                  <c:v>16</c:v>
                </c:pt>
              </c:numCache>
            </c:numRef>
          </c:xVal>
          <c:yVal>
            <c:numRef>
              <c:f>'Ac benzoico'!$G$18:$G$19</c:f>
              <c:numCache>
                <c:formatCode>General</c:formatCode>
                <c:ptCount val="2"/>
                <c:pt idx="0">
                  <c:v>22.484850000000009</c:v>
                </c:pt>
                <c:pt idx="1">
                  <c:v>22.47220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009C-4DD2-992C-02AFFC936F7C}"/>
            </c:ext>
          </c:extLst>
        </c:ser>
        <c:ser>
          <c:idx val="3"/>
          <c:order val="3"/>
          <c:tx>
            <c:v>VERTICALE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Ac benzoico'!$F$25:$F$26</c:f>
              <c:numCache>
                <c:formatCode>General</c:formatCode>
                <c:ptCount val="2"/>
                <c:pt idx="0">
                  <c:v>7.45</c:v>
                </c:pt>
                <c:pt idx="1">
                  <c:v>7.45</c:v>
                </c:pt>
              </c:numCache>
            </c:numRef>
          </c:xVal>
          <c:yVal>
            <c:numRef>
              <c:f>'Ac benzoico'!$G$25:$G$26</c:f>
              <c:numCache>
                <c:formatCode>General</c:formatCode>
                <c:ptCount val="2"/>
                <c:pt idx="0">
                  <c:v>19.82615916666667</c:v>
                </c:pt>
                <c:pt idx="1">
                  <c:v>22.4820325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009C-4DD2-992C-02AFFC936F7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10994495"/>
        <c:axId val="768371375"/>
      </c:scatterChart>
      <c:valAx>
        <c:axId val="710994495"/>
        <c:scaling>
          <c:orientation val="minMax"/>
          <c:max val="16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it-IT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768371375"/>
        <c:crosses val="autoZero"/>
        <c:crossBetween val="midCat"/>
        <c:majorUnit val="1"/>
      </c:valAx>
      <c:valAx>
        <c:axId val="768371375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 (°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it-IT"/>
            </a:p>
          </c:txPr>
        </c:title>
        <c:numFmt formatCode="0.00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71099449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it-IT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it-I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v>an ftalica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nidride Ftalica'!$B$4:$B$19</c:f>
              <c:numCache>
                <c:formatCode>General</c:formatCode>
                <c:ptCount val="16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</c:numCache>
            </c:numRef>
          </c:xVal>
          <c:yVal>
            <c:numRef>
              <c:f>'Anidride Ftalica'!$D$4:$D$19</c:f>
              <c:numCache>
                <c:formatCode>0.0000</c:formatCode>
                <c:ptCount val="16"/>
                <c:pt idx="0">
                  <c:v>20.178000000000001</c:v>
                </c:pt>
                <c:pt idx="1">
                  <c:v>20.249400000000001</c:v>
                </c:pt>
                <c:pt idx="2">
                  <c:v>20.284000000000002</c:v>
                </c:pt>
                <c:pt idx="3">
                  <c:v>20.294700000000002</c:v>
                </c:pt>
                <c:pt idx="4">
                  <c:v>20.299700000000001</c:v>
                </c:pt>
                <c:pt idx="5">
                  <c:v>20.303000000000001</c:v>
                </c:pt>
                <c:pt idx="6">
                  <c:v>20.305700000000002</c:v>
                </c:pt>
                <c:pt idx="7">
                  <c:v>21.155799999999999</c:v>
                </c:pt>
                <c:pt idx="8">
                  <c:v>22.524900000000002</c:v>
                </c:pt>
                <c:pt idx="9">
                  <c:v>22.8461</c:v>
                </c:pt>
                <c:pt idx="10">
                  <c:v>22.947300000000002</c:v>
                </c:pt>
                <c:pt idx="11">
                  <c:v>22.983900000000002</c:v>
                </c:pt>
                <c:pt idx="12">
                  <c:v>22.996400000000001</c:v>
                </c:pt>
                <c:pt idx="13">
                  <c:v>22.9985</c:v>
                </c:pt>
                <c:pt idx="14">
                  <c:v>22.996000000000002</c:v>
                </c:pt>
                <c:pt idx="15">
                  <c:v>22.99170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FEA-4BB2-B7DB-8F84D5AFEFF9}"/>
            </c:ext>
          </c:extLst>
        </c:ser>
        <c:ser>
          <c:idx val="1"/>
          <c:order val="1"/>
          <c:tx>
            <c:v>iniziale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nidride Ftalica'!$F$8:$F$9</c:f>
              <c:numCache>
                <c:formatCode>General</c:formatCode>
                <c:ptCount val="2"/>
                <c:pt idx="0">
                  <c:v>0</c:v>
                </c:pt>
                <c:pt idx="1">
                  <c:v>10</c:v>
                </c:pt>
              </c:numCache>
            </c:numRef>
          </c:xVal>
          <c:yVal>
            <c:numRef>
              <c:f>'Anidride Ftalica'!$G$8:$G$9</c:f>
              <c:numCache>
                <c:formatCode>General</c:formatCode>
                <c:ptCount val="2"/>
                <c:pt idx="0">
                  <c:v>20.282533333333337</c:v>
                </c:pt>
                <c:pt idx="1">
                  <c:v>20.32403333333332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FEA-4BB2-B7DB-8F84D5AFEFF9}"/>
            </c:ext>
          </c:extLst>
        </c:ser>
        <c:ser>
          <c:idx val="2"/>
          <c:order val="2"/>
          <c:tx>
            <c:v>finale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nidride Ftalica'!$F$18:$F$19</c:f>
              <c:numCache>
                <c:formatCode>General</c:formatCode>
                <c:ptCount val="2"/>
                <c:pt idx="0">
                  <c:v>5</c:v>
                </c:pt>
                <c:pt idx="1">
                  <c:v>15</c:v>
                </c:pt>
              </c:numCache>
            </c:numRef>
          </c:xVal>
          <c:yVal>
            <c:numRef>
              <c:f>'Anidride Ftalica'!$G$18:$G$19</c:f>
              <c:numCache>
                <c:formatCode>General</c:formatCode>
                <c:ptCount val="2"/>
                <c:pt idx="0">
                  <c:v>22.998566666666665</c:v>
                </c:pt>
                <c:pt idx="1">
                  <c:v>22.9965666666666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FEA-4BB2-B7DB-8F84D5AFEFF9}"/>
            </c:ext>
          </c:extLst>
        </c:ser>
        <c:ser>
          <c:idx val="3"/>
          <c:order val="3"/>
          <c:tx>
            <c:v>verticale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Anidride Ftalica'!$F$25:$F$26</c:f>
              <c:numCache>
                <c:formatCode>General</c:formatCode>
                <c:ptCount val="2"/>
                <c:pt idx="0">
                  <c:v>7.4</c:v>
                </c:pt>
                <c:pt idx="1">
                  <c:v>7.4</c:v>
                </c:pt>
              </c:numCache>
            </c:numRef>
          </c:xVal>
          <c:yVal>
            <c:numRef>
              <c:f>'Anidride Ftalica'!$G$25:$G$26</c:f>
              <c:numCache>
                <c:formatCode>General</c:formatCode>
                <c:ptCount val="2"/>
                <c:pt idx="0">
                  <c:v>20.313243333333332</c:v>
                </c:pt>
                <c:pt idx="1">
                  <c:v>22.99808666666666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FEA-4BB2-B7DB-8F84D5AFEFF9}"/>
            </c:ext>
          </c:extLst>
        </c:ser>
        <c:ser>
          <c:idx val="4"/>
          <c:order val="4"/>
          <c:tx>
            <c:v>punto medio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diamond"/>
            <c:size val="7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Anidride Ftalica'!$M$31</c:f>
              <c:numCache>
                <c:formatCode>General</c:formatCode>
                <c:ptCount val="1"/>
                <c:pt idx="0">
                  <c:v>7.4</c:v>
                </c:pt>
              </c:numCache>
            </c:numRef>
          </c:xVal>
          <c:yVal>
            <c:numRef>
              <c:f>'Anidride Ftalica'!$N$31</c:f>
              <c:numCache>
                <c:formatCode>General</c:formatCode>
                <c:ptCount val="1"/>
                <c:pt idx="0">
                  <c:v>21.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8FEA-4BB2-B7DB-8F84D5AFEF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13639295"/>
        <c:axId val="902174047"/>
      </c:scatterChart>
      <c:valAx>
        <c:axId val="1013639295"/>
        <c:scaling>
          <c:orientation val="minMax"/>
          <c:max val="15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902174047"/>
        <c:crosses val="autoZero"/>
        <c:crossBetween val="midCat"/>
        <c:majorUnit val="1"/>
      </c:valAx>
      <c:valAx>
        <c:axId val="902174047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101363929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it-IT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57200</xdr:colOff>
      <xdr:row>2</xdr:row>
      <xdr:rowOff>76200</xdr:rowOff>
    </xdr:from>
    <xdr:to>
      <xdr:col>19</xdr:col>
      <xdr:colOff>57150</xdr:colOff>
      <xdr:row>21</xdr:row>
      <xdr:rowOff>0</xdr:rowOff>
    </xdr:to>
    <xdr:graphicFrame macro="">
      <xdr:nvGraphicFramePr>
        <xdr:cNvPr id="3" name="Grafico 2">
          <a:extLst>
            <a:ext uri="{FF2B5EF4-FFF2-40B4-BE49-F238E27FC236}">
              <a16:creationId xmlns:a16="http://schemas.microsoft.com/office/drawing/2014/main" id="{D6C21D5E-8B4B-4F4A-8744-9A0E4F4664A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38149</xdr:colOff>
      <xdr:row>3</xdr:row>
      <xdr:rowOff>85725</xdr:rowOff>
    </xdr:from>
    <xdr:to>
      <xdr:col>23</xdr:col>
      <xdr:colOff>161924</xdr:colOff>
      <xdr:row>26</xdr:row>
      <xdr:rowOff>33337</xdr:rowOff>
    </xdr:to>
    <xdr:graphicFrame macro="">
      <xdr:nvGraphicFramePr>
        <xdr:cNvPr id="3" name="Grafico 2">
          <a:extLst>
            <a:ext uri="{FF2B5EF4-FFF2-40B4-BE49-F238E27FC236}">
              <a16:creationId xmlns:a16="http://schemas.microsoft.com/office/drawing/2014/main" id="{4ECB7D71-8AB9-4554-BA15-15BE10BD434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BC913E-C03D-4193-98BA-FCE74D2696F1}">
  <dimension ref="A1:I30"/>
  <sheetViews>
    <sheetView workbookViewId="0">
      <selection activeCell="G30" sqref="G30"/>
    </sheetView>
  </sheetViews>
  <sheetFormatPr defaultRowHeight="15"/>
  <cols>
    <col min="3" max="3" width="10.5703125" bestFit="1" customWidth="1"/>
  </cols>
  <sheetData>
    <row r="1" spans="1:9">
      <c r="B1" t="s">
        <v>0</v>
      </c>
      <c r="D1">
        <v>1.0165</v>
      </c>
      <c r="F1" t="s">
        <v>1</v>
      </c>
      <c r="G1" t="s">
        <v>2</v>
      </c>
      <c r="I1" t="s">
        <v>3</v>
      </c>
    </row>
    <row r="2" spans="1:9">
      <c r="B2" t="s">
        <v>4</v>
      </c>
      <c r="C2">
        <v>122.12</v>
      </c>
      <c r="D2">
        <f>D1/C2</f>
        <v>8.3237798886341297E-3</v>
      </c>
      <c r="E2" t="s">
        <v>5</v>
      </c>
    </row>
    <row r="3" spans="1:9">
      <c r="B3" t="s">
        <v>6</v>
      </c>
      <c r="C3" t="s">
        <v>7</v>
      </c>
      <c r="D3" t="s">
        <v>8</v>
      </c>
      <c r="F3" t="s">
        <v>9</v>
      </c>
    </row>
    <row r="4" spans="1:9">
      <c r="B4">
        <v>0</v>
      </c>
      <c r="C4" s="1">
        <v>0</v>
      </c>
      <c r="D4" s="1">
        <v>19.6873</v>
      </c>
      <c r="F4">
        <f t="array" ref="F4:H6">LINEST(D6:D8,B6:B8,1,1)</f>
        <v>6.6500000000004906E-3</v>
      </c>
      <c r="G4">
        <v>19.776616666666666</v>
      </c>
      <c r="H4" t="e">
        <v>#N/A</v>
      </c>
    </row>
    <row r="5" spans="1:9" ht="15.75" thickBot="1">
      <c r="A5" t="s">
        <v>10</v>
      </c>
      <c r="B5">
        <v>1</v>
      </c>
      <c r="C5" s="1">
        <v>8.5400000000000004E-2</v>
      </c>
      <c r="D5" s="1">
        <f>$D$4+C5</f>
        <v>19.7727</v>
      </c>
      <c r="F5">
        <v>7.2168783648637641E-4</v>
      </c>
      <c r="G5">
        <v>2.2438186696373376E-3</v>
      </c>
      <c r="H5" t="e">
        <v>#N/A</v>
      </c>
    </row>
    <row r="6" spans="1:9">
      <c r="A6" t="s">
        <v>10</v>
      </c>
      <c r="B6" s="5">
        <v>2</v>
      </c>
      <c r="C6" s="6">
        <v>0.1022</v>
      </c>
      <c r="D6" s="10">
        <f t="shared" ref="D6:D20" si="0">$D$4+C6</f>
        <v>19.7895</v>
      </c>
      <c r="F6">
        <v>0.98835953214633854</v>
      </c>
      <c r="G6">
        <v>1.0206207261587302E-3</v>
      </c>
      <c r="H6" t="e">
        <v>#N/A</v>
      </c>
    </row>
    <row r="7" spans="1:9">
      <c r="A7" t="s">
        <v>10</v>
      </c>
      <c r="B7" s="7">
        <v>3</v>
      </c>
      <c r="C7" s="2">
        <v>0.1101</v>
      </c>
      <c r="D7" s="11">
        <f t="shared" si="0"/>
        <v>19.7974</v>
      </c>
      <c r="F7" t="s">
        <v>11</v>
      </c>
      <c r="G7" t="s">
        <v>12</v>
      </c>
    </row>
    <row r="8" spans="1:9" ht="15.75" thickBot="1">
      <c r="A8" t="s">
        <v>10</v>
      </c>
      <c r="B8" s="8">
        <v>4</v>
      </c>
      <c r="C8" s="9">
        <v>0.11550000000000001</v>
      </c>
      <c r="D8" s="12">
        <f t="shared" si="0"/>
        <v>19.802800000000001</v>
      </c>
      <c r="F8">
        <v>0</v>
      </c>
      <c r="G8">
        <f>F8*$F$4+$G$4</f>
        <v>19.776616666666666</v>
      </c>
    </row>
    <row r="9" spans="1:9">
      <c r="A9" t="s">
        <v>13</v>
      </c>
      <c r="B9" s="3">
        <v>5</v>
      </c>
      <c r="C9" s="2">
        <v>0.1203</v>
      </c>
      <c r="D9" s="2">
        <f t="shared" si="0"/>
        <v>19.807600000000001</v>
      </c>
      <c r="F9">
        <v>10</v>
      </c>
      <c r="G9">
        <f>F9*$F$4+$G$4</f>
        <v>19.843116666666671</v>
      </c>
    </row>
    <row r="10" spans="1:9">
      <c r="A10" t="s">
        <v>14</v>
      </c>
      <c r="B10" s="3">
        <v>6</v>
      </c>
      <c r="C10" s="2">
        <v>0.1244</v>
      </c>
      <c r="D10" s="1">
        <f t="shared" si="0"/>
        <v>19.811700000000002</v>
      </c>
    </row>
    <row r="11" spans="1:9">
      <c r="A11" t="s">
        <v>14</v>
      </c>
      <c r="B11" s="3">
        <v>7</v>
      </c>
      <c r="C11" s="2">
        <v>0.71740000000000004</v>
      </c>
      <c r="D11" s="1">
        <f t="shared" si="0"/>
        <v>20.404700000000002</v>
      </c>
    </row>
    <row r="12" spans="1:9">
      <c r="A12" t="s">
        <v>14</v>
      </c>
      <c r="B12">
        <v>8</v>
      </c>
      <c r="C12" s="1">
        <v>2.2151999999999998</v>
      </c>
      <c r="D12" s="1">
        <f t="shared" si="0"/>
        <v>21.9025</v>
      </c>
      <c r="F12" t="s">
        <v>15</v>
      </c>
    </row>
    <row r="13" spans="1:9">
      <c r="A13" t="s">
        <v>14</v>
      </c>
      <c r="B13">
        <v>9</v>
      </c>
      <c r="C13" s="1">
        <v>2.6076000000000001</v>
      </c>
      <c r="D13" s="1">
        <f t="shared" si="0"/>
        <v>22.294900000000002</v>
      </c>
      <c r="F13">
        <f t="array" ref="F13:G15">LINEST(D17:D19,B17:B19,1,1)</f>
        <v>-1.1500000000008725E-3</v>
      </c>
      <c r="G13">
        <v>22.490600000000015</v>
      </c>
    </row>
    <row r="14" spans="1:9">
      <c r="A14" t="s">
        <v>14</v>
      </c>
      <c r="B14">
        <v>10</v>
      </c>
      <c r="C14" s="1">
        <v>2.7246000000000001</v>
      </c>
      <c r="D14" s="1">
        <f t="shared" si="0"/>
        <v>22.411899999999999</v>
      </c>
      <c r="F14">
        <v>6.0621778264974529E-4</v>
      </c>
      <c r="G14">
        <v>8.5014704610527347E-3</v>
      </c>
    </row>
    <row r="15" spans="1:9">
      <c r="A15" t="s">
        <v>14</v>
      </c>
      <c r="B15" s="3">
        <v>11</v>
      </c>
      <c r="C15" s="2">
        <v>2.7677999999999998</v>
      </c>
      <c r="D15" s="2">
        <f t="shared" si="0"/>
        <v>22.455100000000002</v>
      </c>
      <c r="F15">
        <v>0.78254437869812465</v>
      </c>
      <c r="G15">
        <v>8.5732140997501506E-4</v>
      </c>
    </row>
    <row r="16" spans="1:9" ht="15.75" thickBot="1">
      <c r="A16" t="s">
        <v>14</v>
      </c>
      <c r="B16" s="3">
        <v>12</v>
      </c>
      <c r="C16" s="2">
        <v>2.7835000000000001</v>
      </c>
      <c r="D16" s="2">
        <f t="shared" si="0"/>
        <v>22.470800000000001</v>
      </c>
    </row>
    <row r="17" spans="1:8">
      <c r="A17" t="s">
        <v>14</v>
      </c>
      <c r="B17" s="5">
        <v>13</v>
      </c>
      <c r="C17" s="6">
        <v>2.7879999999999998</v>
      </c>
      <c r="D17" s="10">
        <f t="shared" si="0"/>
        <v>22.475300000000001</v>
      </c>
      <c r="F17" t="s">
        <v>16</v>
      </c>
      <c r="G17" t="s">
        <v>17</v>
      </c>
    </row>
    <row r="18" spans="1:8">
      <c r="A18" t="s">
        <v>14</v>
      </c>
      <c r="B18" s="7">
        <v>14</v>
      </c>
      <c r="C18" s="2">
        <v>2.7879</v>
      </c>
      <c r="D18" s="11">
        <f t="shared" si="0"/>
        <v>22.475200000000001</v>
      </c>
      <c r="F18">
        <v>5</v>
      </c>
      <c r="G18">
        <f>F18*$F$13+$G$13</f>
        <v>22.484850000000009</v>
      </c>
    </row>
    <row r="19" spans="1:8" ht="15.75" thickBot="1">
      <c r="A19" t="s">
        <v>14</v>
      </c>
      <c r="B19" s="8">
        <v>15</v>
      </c>
      <c r="C19" s="9">
        <v>2.7856999999999998</v>
      </c>
      <c r="D19" s="12">
        <f t="shared" si="0"/>
        <v>22.472999999999999</v>
      </c>
      <c r="F19">
        <v>16</v>
      </c>
      <c r="G19">
        <f>F19*$F$13+$G$13</f>
        <v>22.472200000000001</v>
      </c>
    </row>
    <row r="20" spans="1:8">
      <c r="A20" t="s">
        <v>18</v>
      </c>
      <c r="B20" s="3">
        <v>16</v>
      </c>
      <c r="C20" s="2">
        <v>2.7824</v>
      </c>
      <c r="D20" s="1">
        <f t="shared" si="0"/>
        <v>22.4697</v>
      </c>
    </row>
    <row r="21" spans="1:8">
      <c r="B21" s="3"/>
      <c r="C21" s="2"/>
      <c r="D21" s="1"/>
    </row>
    <row r="22" spans="1:8">
      <c r="B22" s="3"/>
      <c r="C22" s="2"/>
      <c r="D22" s="1"/>
    </row>
    <row r="23" spans="1:8">
      <c r="B23" s="3"/>
      <c r="C23" s="2"/>
      <c r="D23" s="1"/>
    </row>
    <row r="24" spans="1:8">
      <c r="B24" s="3"/>
      <c r="C24" s="2"/>
      <c r="D24" s="1"/>
      <c r="F24" t="s">
        <v>19</v>
      </c>
    </row>
    <row r="25" spans="1:8">
      <c r="B25" s="3"/>
      <c r="C25" s="2"/>
      <c r="D25" s="1"/>
      <c r="E25" t="s">
        <v>20</v>
      </c>
      <c r="F25">
        <v>7.45</v>
      </c>
      <c r="G25">
        <f>F25*$F$4+$G$4</f>
        <v>19.82615916666667</v>
      </c>
    </row>
    <row r="26" spans="1:8">
      <c r="B26" s="3"/>
      <c r="C26" s="2"/>
      <c r="D26" s="1"/>
      <c r="E26" t="s">
        <v>21</v>
      </c>
      <c r="F26">
        <f>F25</f>
        <v>7.45</v>
      </c>
      <c r="G26">
        <f>F26*$F$13+$G$13</f>
        <v>22.48203250000001</v>
      </c>
    </row>
    <row r="27" spans="1:8">
      <c r="B27" s="3"/>
      <c r="C27" s="2"/>
      <c r="D27" s="1"/>
    </row>
    <row r="28" spans="1:8">
      <c r="B28" s="3"/>
      <c r="C28" s="2"/>
      <c r="D28" s="1"/>
      <c r="F28" s="4" t="s">
        <v>22</v>
      </c>
      <c r="G28">
        <f>G26-G25</f>
        <v>2.6558733333333393</v>
      </c>
    </row>
    <row r="30" spans="1:8">
      <c r="F30" t="s">
        <v>23</v>
      </c>
      <c r="G30">
        <f>(3227*1000*D2-50-100)/G28</f>
        <v>10057.270941870576</v>
      </c>
      <c r="H30" t="s">
        <v>24</v>
      </c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3C657B-4BA0-428E-9322-D833A0E7DB65}">
  <dimension ref="A1:N37"/>
  <sheetViews>
    <sheetView tabSelected="1" workbookViewId="0">
      <selection activeCell="N33" sqref="N33"/>
    </sheetView>
  </sheetViews>
  <sheetFormatPr defaultRowHeight="15"/>
  <cols>
    <col min="3" max="3" width="10.5703125" bestFit="1" customWidth="1"/>
  </cols>
  <sheetData>
    <row r="1" spans="1:9">
      <c r="B1" t="s">
        <v>25</v>
      </c>
      <c r="D1">
        <v>0.99950000000000006</v>
      </c>
      <c r="F1" t="s">
        <v>1</v>
      </c>
      <c r="G1">
        <v>10057.27</v>
      </c>
      <c r="H1" t="s">
        <v>26</v>
      </c>
      <c r="I1" t="s">
        <v>3</v>
      </c>
    </row>
    <row r="2" spans="1:9">
      <c r="B2" t="s">
        <v>4</v>
      </c>
      <c r="C2">
        <v>148.11000000000001</v>
      </c>
      <c r="D2">
        <f>D1/C2</f>
        <v>6.7483627033961243E-3</v>
      </c>
      <c r="E2" t="s">
        <v>5</v>
      </c>
    </row>
    <row r="3" spans="1:9">
      <c r="B3" t="s">
        <v>6</v>
      </c>
      <c r="C3" t="s">
        <v>7</v>
      </c>
      <c r="D3" t="s">
        <v>8</v>
      </c>
      <c r="F3" t="s">
        <v>9</v>
      </c>
    </row>
    <row r="4" spans="1:9">
      <c r="B4">
        <v>0</v>
      </c>
      <c r="C4" s="1">
        <v>0</v>
      </c>
      <c r="D4" s="1">
        <v>20.178000000000001</v>
      </c>
      <c r="F4">
        <f t="array" ref="F4:H6">LINEST(D7:D9,B7:B9,1,1)</f>
        <v>4.1499999999992107E-3</v>
      </c>
      <c r="G4">
        <v>20.282533333333337</v>
      </c>
      <c r="H4" t="e">
        <v>#N/A</v>
      </c>
    </row>
    <row r="5" spans="1:9">
      <c r="A5" t="s">
        <v>10</v>
      </c>
      <c r="B5">
        <v>1</v>
      </c>
      <c r="C5" s="1">
        <v>7.1400000000000005E-2</v>
      </c>
      <c r="D5" s="1">
        <f>$D$4+C5</f>
        <v>20.249400000000001</v>
      </c>
      <c r="F5">
        <v>4.907477288110634E-4</v>
      </c>
      <c r="G5">
        <v>2.0034692133614009E-3</v>
      </c>
      <c r="H5" t="e">
        <v>#N/A</v>
      </c>
    </row>
    <row r="6" spans="1:9" ht="15.75" thickBot="1">
      <c r="A6" t="s">
        <v>10</v>
      </c>
      <c r="B6" s="3">
        <v>2</v>
      </c>
      <c r="C6" s="2">
        <v>0.106</v>
      </c>
      <c r="D6" s="2">
        <f t="shared" ref="D6:D20" si="0">$D$4+C6</f>
        <v>20.284000000000002</v>
      </c>
      <c r="F6">
        <v>0.98620920022905267</v>
      </c>
      <c r="G6">
        <v>6.9402209378839966E-4</v>
      </c>
      <c r="H6" t="e">
        <v>#N/A</v>
      </c>
    </row>
    <row r="7" spans="1:9">
      <c r="A7" t="s">
        <v>10</v>
      </c>
      <c r="B7" s="5">
        <v>3</v>
      </c>
      <c r="C7" s="6">
        <v>0.1167</v>
      </c>
      <c r="D7" s="10">
        <f t="shared" si="0"/>
        <v>20.294700000000002</v>
      </c>
      <c r="F7" t="s">
        <v>11</v>
      </c>
      <c r="G7" t="s">
        <v>12</v>
      </c>
    </row>
    <row r="8" spans="1:9">
      <c r="A8" t="s">
        <v>10</v>
      </c>
      <c r="B8" s="7">
        <v>4</v>
      </c>
      <c r="C8" s="2">
        <v>0.1217</v>
      </c>
      <c r="D8" s="11">
        <f t="shared" si="0"/>
        <v>20.299700000000001</v>
      </c>
      <c r="F8">
        <v>0</v>
      </c>
      <c r="G8">
        <f>F8*$F$4+$G$4</f>
        <v>20.282533333333337</v>
      </c>
    </row>
    <row r="9" spans="1:9" ht="15.75" thickBot="1">
      <c r="A9" t="s">
        <v>13</v>
      </c>
      <c r="B9" s="8">
        <v>5</v>
      </c>
      <c r="C9" s="9">
        <v>0.125</v>
      </c>
      <c r="D9" s="12">
        <f t="shared" si="0"/>
        <v>20.303000000000001</v>
      </c>
      <c r="F9">
        <v>10</v>
      </c>
      <c r="G9">
        <f>F9*$F$4+$G$4</f>
        <v>20.324033333333329</v>
      </c>
    </row>
    <row r="10" spans="1:9">
      <c r="A10" t="s">
        <v>14</v>
      </c>
      <c r="B10" s="3">
        <v>6</v>
      </c>
      <c r="C10" s="2">
        <v>0.12770000000000001</v>
      </c>
      <c r="D10" s="1">
        <f t="shared" si="0"/>
        <v>20.305700000000002</v>
      </c>
    </row>
    <row r="11" spans="1:9">
      <c r="A11" t="s">
        <v>14</v>
      </c>
      <c r="B11" s="3">
        <v>7</v>
      </c>
      <c r="C11" s="2">
        <v>0.9778</v>
      </c>
      <c r="D11" s="1">
        <f t="shared" si="0"/>
        <v>21.155799999999999</v>
      </c>
    </row>
    <row r="12" spans="1:9">
      <c r="A12" t="s">
        <v>14</v>
      </c>
      <c r="B12">
        <v>8</v>
      </c>
      <c r="C12" s="1">
        <v>2.3469000000000002</v>
      </c>
      <c r="D12" s="1">
        <f t="shared" si="0"/>
        <v>22.524900000000002</v>
      </c>
      <c r="F12" t="s">
        <v>15</v>
      </c>
    </row>
    <row r="13" spans="1:9">
      <c r="A13" t="s">
        <v>14</v>
      </c>
      <c r="B13">
        <v>9</v>
      </c>
      <c r="C13" s="1">
        <v>2.6680999999999999</v>
      </c>
      <c r="D13" s="1">
        <f t="shared" si="0"/>
        <v>22.8461</v>
      </c>
      <c r="F13">
        <f t="array" ref="F13:G15">LINEST(D16:D18,B16:B18,1,1)</f>
        <v>-1.9999999999953383E-4</v>
      </c>
      <c r="G13">
        <v>22.999566666666663</v>
      </c>
    </row>
    <row r="14" spans="1:9">
      <c r="A14" t="s">
        <v>14</v>
      </c>
      <c r="B14">
        <v>10</v>
      </c>
      <c r="C14" s="1">
        <v>2.7692999999999999</v>
      </c>
      <c r="D14" s="1">
        <f t="shared" si="0"/>
        <v>22.947300000000002</v>
      </c>
      <c r="F14">
        <v>1.3279056191350953E-3</v>
      </c>
      <c r="G14">
        <v>1.7296788398093402E-2</v>
      </c>
    </row>
    <row r="15" spans="1:9" ht="15.75" thickBot="1">
      <c r="A15" t="s">
        <v>14</v>
      </c>
      <c r="B15" s="3">
        <v>11</v>
      </c>
      <c r="C15" s="2">
        <v>2.8058999999999998</v>
      </c>
      <c r="D15" s="2">
        <f t="shared" si="0"/>
        <v>22.983900000000002</v>
      </c>
      <c r="F15">
        <v>2.2181146025811192E-2</v>
      </c>
      <c r="G15">
        <v>1.8779421361322939E-3</v>
      </c>
    </row>
    <row r="16" spans="1:9">
      <c r="A16" t="s">
        <v>14</v>
      </c>
      <c r="B16" s="5">
        <v>12</v>
      </c>
      <c r="C16" s="6">
        <v>2.8184</v>
      </c>
      <c r="D16" s="10">
        <f t="shared" si="0"/>
        <v>22.996400000000001</v>
      </c>
    </row>
    <row r="17" spans="1:14">
      <c r="A17" t="s">
        <v>14</v>
      </c>
      <c r="B17" s="7">
        <v>13</v>
      </c>
      <c r="C17" s="2">
        <v>2.8205</v>
      </c>
      <c r="D17" s="11">
        <f t="shared" si="0"/>
        <v>22.9985</v>
      </c>
      <c r="F17" t="s">
        <v>16</v>
      </c>
      <c r="G17" t="s">
        <v>17</v>
      </c>
    </row>
    <row r="18" spans="1:14" ht="15.75" thickBot="1">
      <c r="A18" t="s">
        <v>14</v>
      </c>
      <c r="B18" s="8">
        <v>14</v>
      </c>
      <c r="C18" s="9">
        <v>2.8180000000000001</v>
      </c>
      <c r="D18" s="12">
        <f t="shared" si="0"/>
        <v>22.996000000000002</v>
      </c>
      <c r="F18">
        <v>5</v>
      </c>
      <c r="G18">
        <f>F18*$F$13+$G$13</f>
        <v>22.998566666666665</v>
      </c>
    </row>
    <row r="19" spans="1:14">
      <c r="A19" t="s">
        <v>18</v>
      </c>
      <c r="B19" s="3">
        <v>15</v>
      </c>
      <c r="C19" s="2">
        <v>2.8136999999999999</v>
      </c>
      <c r="D19" s="2">
        <f t="shared" si="0"/>
        <v>22.991700000000002</v>
      </c>
      <c r="F19">
        <v>15</v>
      </c>
      <c r="G19">
        <f>F19*$F$13+$G$13</f>
        <v>22.99656666666667</v>
      </c>
    </row>
    <row r="20" spans="1:14">
      <c r="B20" s="3"/>
      <c r="C20" s="2"/>
      <c r="D20" s="1"/>
    </row>
    <row r="21" spans="1:14">
      <c r="B21" s="3"/>
      <c r="C21" s="2"/>
      <c r="D21" s="1"/>
    </row>
    <row r="22" spans="1:14">
      <c r="B22" s="3"/>
      <c r="C22" s="2"/>
      <c r="D22" s="1"/>
    </row>
    <row r="23" spans="1:14">
      <c r="B23" s="3"/>
      <c r="C23" s="2"/>
      <c r="D23" s="1"/>
    </row>
    <row r="24" spans="1:14">
      <c r="B24" s="3"/>
      <c r="C24" s="2"/>
      <c r="D24" s="1"/>
      <c r="F24" t="s">
        <v>19</v>
      </c>
    </row>
    <row r="25" spans="1:14">
      <c r="B25" s="3"/>
      <c r="C25" s="2"/>
      <c r="D25" s="1"/>
      <c r="E25" t="s">
        <v>20</v>
      </c>
      <c r="F25">
        <v>7.4</v>
      </c>
      <c r="G25">
        <f>F25*$F$4+$G$4</f>
        <v>20.313243333333332</v>
      </c>
    </row>
    <row r="26" spans="1:14">
      <c r="B26" s="3"/>
      <c r="C26" s="2"/>
      <c r="D26" s="1"/>
      <c r="E26" t="s">
        <v>21</v>
      </c>
      <c r="F26">
        <f>F25</f>
        <v>7.4</v>
      </c>
      <c r="G26">
        <f>F26*$F$13+$G$13</f>
        <v>22.998086666666666</v>
      </c>
    </row>
    <row r="27" spans="1:14">
      <c r="B27" s="3"/>
      <c r="C27" s="2"/>
      <c r="D27" s="1"/>
    </row>
    <row r="28" spans="1:14">
      <c r="B28" s="3"/>
      <c r="C28" s="2"/>
      <c r="D28" s="1"/>
      <c r="F28" s="4" t="s">
        <v>22</v>
      </c>
      <c r="G28">
        <f>G26-G25</f>
        <v>2.6848433333333332</v>
      </c>
    </row>
    <row r="30" spans="1:14">
      <c r="F30" t="s">
        <v>27</v>
      </c>
      <c r="G30">
        <f>G1*G28-50-100-5957.517</f>
        <v>20894.677311033334</v>
      </c>
      <c r="H30" t="s">
        <v>28</v>
      </c>
      <c r="M30" t="s">
        <v>29</v>
      </c>
      <c r="N30" t="s">
        <v>30</v>
      </c>
    </row>
    <row r="31" spans="1:14">
      <c r="M31">
        <f>F25</f>
        <v>7.4</v>
      </c>
      <c r="N31">
        <v>21.75</v>
      </c>
    </row>
    <row r="33" spans="6:8">
      <c r="F33" s="13" t="s">
        <v>32</v>
      </c>
      <c r="G33">
        <f>G30+0.5*8.314*N31</f>
        <v>20985.092061033334</v>
      </c>
      <c r="H33" t="s">
        <v>28</v>
      </c>
    </row>
    <row r="35" spans="6:8">
      <c r="G35">
        <f>G33/4184</f>
        <v>5.01555737596399</v>
      </c>
      <c r="H35" s="13" t="s">
        <v>31</v>
      </c>
    </row>
    <row r="37" spans="6:8">
      <c r="G37">
        <f>G35/D2</f>
        <v>743.22581586195759</v>
      </c>
      <c r="H37" t="s">
        <v>33</v>
      </c>
    </row>
  </sheetData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ogli di lavoro</vt:lpstr>
      </vt:variant>
      <vt:variant>
        <vt:i4>2</vt:i4>
      </vt:variant>
    </vt:vector>
  </HeadingPairs>
  <TitlesOfParts>
    <vt:vector size="2" baseType="lpstr">
      <vt:lpstr>Ac benzoico</vt:lpstr>
      <vt:lpstr>Anidride Ftalica</vt:lpstr>
    </vt:vector>
  </TitlesOfParts>
  <Company>Università degli studi di Triest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ORETTA ASARO</dc:creator>
  <cp:lastModifiedBy>ARGENTIERI FRANCESCA [DR1700018]</cp:lastModifiedBy>
  <dcterms:created xsi:type="dcterms:W3CDTF">2025-10-16T15:53:37Z</dcterms:created>
  <dcterms:modified xsi:type="dcterms:W3CDTF">2025-10-28T15:19:47Z</dcterms:modified>
</cp:coreProperties>
</file>